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394A37" w:rsidRPr="0046795A" w:rsidRDefault="0021120A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b/>
          <w:bCs/>
          <w:color w:val="000000"/>
          <w:sz w:val="24"/>
          <w:szCs w:val="24"/>
          <w:u w:val="single"/>
        </w:rPr>
      </w:pPr>
      <w:r>
        <w:rPr>
          <w:rFonts w:ascii="Arial" w:eastAsia="Times New Roman" w:hAnsi="Arial" w:cs="Arial"/>
          <w:b/>
          <w:bCs/>
          <w:color w:val="000000"/>
          <w:sz w:val="24"/>
          <w:szCs w:val="24"/>
          <w:u w:val="single"/>
        </w:rPr>
        <w:t>„Kultur für alle“ 2020</w:t>
      </w:r>
      <w:r w:rsidR="00394A37" w:rsidRPr="0046795A">
        <w:rPr>
          <w:rFonts w:ascii="Arial" w:eastAsia="Times New Roman" w:hAnsi="Arial" w:cs="Arial"/>
          <w:b/>
          <w:bCs/>
          <w:color w:val="000000"/>
          <w:sz w:val="24"/>
          <w:szCs w:val="24"/>
          <w:u w:val="single"/>
        </w:rPr>
        <w:t xml:space="preserve"> </w:t>
      </w:r>
      <w:r w:rsidR="00394A37">
        <w:rPr>
          <w:rFonts w:ascii="Arial" w:eastAsia="Times New Roman" w:hAnsi="Arial" w:cs="Arial"/>
          <w:b/>
          <w:bCs/>
          <w:color w:val="000000"/>
          <w:sz w:val="24"/>
          <w:szCs w:val="24"/>
          <w:u w:val="single"/>
        </w:rPr>
        <w:t xml:space="preserve">– Neue Angebote, neue Ausgabestellen </w:t>
      </w:r>
    </w:p>
    <w:p w:rsidR="0021120A" w:rsidRDefault="0021120A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bCs/>
          <w:color w:val="000000"/>
          <w:sz w:val="24"/>
          <w:szCs w:val="24"/>
          <w:u w:val="single"/>
        </w:rPr>
      </w:pPr>
    </w:p>
    <w:p w:rsidR="00394A37" w:rsidRPr="0046795A" w:rsidRDefault="00394A37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Menschen mit ge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ringem Einkommen haben jetzt 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wieder die Möglichkeit, kostenlos an Kulturveranstaltungen teilzunehmen. Eine neue Runde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von „Kultur für alle“ ist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angelaufen. Es handelt sich dabei um ein Projekt des Kultur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>f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orums Rosenheim und den Sparkassenstiftungen Zukunft für die Stadt und für den Landkreis Rosenheim. </w:t>
      </w:r>
    </w:p>
    <w:p w:rsidR="00394A37" w:rsidRPr="0046795A" w:rsidRDefault="0021120A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20 </w:t>
      </w:r>
      <w:r w:rsidR="00394A37"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Kulturvera</w:t>
      </w:r>
      <w:r w:rsidR="00394A37">
        <w:rPr>
          <w:rFonts w:ascii="Arial" w:eastAsia="Times New Roman" w:hAnsi="Arial" w:cs="Arial"/>
          <w:color w:val="000000" w:themeColor="text1"/>
          <w:sz w:val="24"/>
          <w:szCs w:val="24"/>
        </w:rPr>
        <w:t>nstalter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– vier mehr als im letzten Jahr -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r w:rsidR="00394A37"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haben sich in diesem Jahr an dem Projekt be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teiligt. I</w:t>
      </w:r>
      <w:r w:rsidR="00394A37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m Laufe des Jahres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können noch weitere </w:t>
      </w:r>
      <w:r w:rsidR="00394A37">
        <w:rPr>
          <w:rFonts w:ascii="Arial" w:eastAsia="Times New Roman" w:hAnsi="Arial" w:cs="Arial"/>
          <w:color w:val="000000" w:themeColor="text1"/>
          <w:sz w:val="24"/>
          <w:szCs w:val="24"/>
        </w:rPr>
        <w:t>dazu kommen. Das Angebot reicht von Trachtenvereinen über das Stadtspiel in Rosenheim, das Gitarrenfestival in Bad Aibling und Highlights im KU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’</w:t>
      </w:r>
      <w:r w:rsidR="00394A37">
        <w:rPr>
          <w:rFonts w:ascii="Arial" w:eastAsia="Times New Roman" w:hAnsi="Arial" w:cs="Arial"/>
          <w:color w:val="000000" w:themeColor="text1"/>
          <w:sz w:val="24"/>
          <w:szCs w:val="24"/>
        </w:rPr>
        <w:t>KO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r w:rsidR="008C5AA5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sowie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im 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Ausstellungszentrum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Lokschuppen</w:t>
      </w:r>
      <w:r w:rsidR="00394A37"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Rosenheim </w:t>
      </w:r>
      <w:r w:rsidR="00394A37"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bis zu den Rosenheimer Kleinkunsttagen.</w:t>
      </w:r>
    </w:p>
    <w:p w:rsidR="00394A37" w:rsidRPr="0046795A" w:rsidRDefault="00394A37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„Teilhabe an Kultur ist für alle Menschen wichtig, deshalb unterstützen wir das Projekt“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,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>sagt Alexa Hubert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von den Sparkassenstiftungen Zukunft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. „Nur durch diese Förderung können wir das Projekt nach diesem speziellen Rosenheimer Modell durchführen“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,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sagt der Initiator des Projektes, Reinhart Knirsch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,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zweiter Vorsitzender des Kulturforums. „Das heißt, es werden ganz reguläre Karten oder Gutscheine an Interessierte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mit geringem Einkommen ausgegeben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. Der Gegenwert wird den Kulturveranstaltern von den Sparkassenstiftungen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Zukunft 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erstattet. Das ist der Hauptunter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>schied zu ähnlichen Projekten im Bundesgebiet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, wo lediglich Restkarten ausgegeben werden.“ </w:t>
      </w:r>
    </w:p>
    <w:p w:rsidR="00394A37" w:rsidRPr="0046795A" w:rsidRDefault="00394A37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Eine weitere Besonderheit ist die Verteilung der Karten über die Tafeln in Stadt und Landkreis Rosenheim. Die Mitarbeiter der Tafeln haben den direkten Kontakt zu Menschen mit ge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>ringem Einkommen. Sie bekamen</w:t>
      </w:r>
      <w:r w:rsidR="008C5AA5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in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den vergangenen 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Jahr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>en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viel positives Feedback auf die Aktion von ihren Kunden: „Das hätten wir uns sonst niemals leisten können“, hörten die Mitarbeiterinnen</w:t>
      </w:r>
      <w:r w:rsidR="008C5AA5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und Mitarbeiter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der Tafeln häufig. </w:t>
      </w:r>
    </w:p>
    <w:p w:rsidR="00394A37" w:rsidRDefault="00394A37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Die Tafeln in Rosenheim, Rott, Raubling,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Wasserburg, Bruckmühl, Kolbermoor, Prien, Kiefersfelden, Großkarolinenfeld und Bad Aibling bekommen ein bestimmtes Kontingent. </w:t>
      </w:r>
      <w:r w:rsidR="00663431"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Dort 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>sind die Karten in der Regel zu einer kleinen, symbolischen Schutzgebühr erhältlich</w:t>
      </w:r>
      <w:r w:rsidR="00663431"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.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r w:rsidR="00663431"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So wird ein unbürokratischer und einfacher Zugang zu den Kulturveranstaltungen ermöglicht. 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>„</w:t>
      </w:r>
      <w:r w:rsidR="00663431"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Niemand </w:t>
      </w:r>
      <w:r w:rsidR="00663431"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lastRenderedPageBreak/>
        <w:t>muss sich an der Abendkasse als Geringverdiener zu erkennen geben", meint Reinhart Knirsch.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Allerdings hat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nicht jede Tafel Gutscheine für jede Veranstaltung.</w:t>
      </w:r>
      <w:r w:rsidRPr="00394A37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</w:p>
    <w:p w:rsidR="00394A37" w:rsidRPr="0046795A" w:rsidRDefault="00394A37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Neben den Tafeln sind dieses Jahr auch die KASA der Diakonie Rosenheim 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(im Bild),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das Mehrgenerationenhaus 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und das Seniorenzentrum der Caritas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Ausgabestelle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für die Gutscheine. Eine komplette Liste der Ausgabestellen 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gibt es 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unter 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>www.k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ulturforum-</w:t>
      </w:r>
      <w:r w:rsidR="00663431">
        <w:rPr>
          <w:rFonts w:ascii="Arial" w:eastAsia="Times New Roman" w:hAnsi="Arial" w:cs="Arial"/>
          <w:color w:val="000000" w:themeColor="text1"/>
          <w:sz w:val="24"/>
          <w:szCs w:val="24"/>
        </w:rPr>
        <w:t>r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>osenheim.de</w:t>
      </w:r>
    </w:p>
    <w:p w:rsidR="00394A37" w:rsidRPr="0046795A" w:rsidRDefault="00394A37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Alle Menschen mit geringem Einkommen, die bei der Tafel einkaufen dürfen, können das Angebot nutzen. Nicht nur Bezieher von Arbeitslosengeld 2, auch Menschen mit geringer Rente</w:t>
      </w:r>
      <w:r w:rsidR="004F1D05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</w:t>
      </w:r>
      <w:bookmarkStart w:id="0" w:name="_GoBack"/>
      <w:bookmarkEnd w:id="0"/>
      <w:r w:rsidR="008C5AA5">
        <w:rPr>
          <w:rFonts w:ascii="Arial" w:eastAsia="Times New Roman" w:hAnsi="Arial" w:cs="Arial"/>
          <w:color w:val="000000" w:themeColor="text1"/>
          <w:sz w:val="24"/>
          <w:szCs w:val="24"/>
        </w:rPr>
        <w:t>oder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Geringverdiener mit Wohngeldanspruch gehören in der Regel zu den Berechtigten. </w:t>
      </w:r>
    </w:p>
    <w:p w:rsidR="00394A37" w:rsidRDefault="00394A37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Faltblätter m</w:t>
      </w:r>
      <w:r w:rsidR="0021120A">
        <w:rPr>
          <w:rFonts w:ascii="Arial" w:eastAsia="Times New Roman" w:hAnsi="Arial" w:cs="Arial"/>
          <w:color w:val="000000" w:themeColor="text1"/>
          <w:sz w:val="24"/>
          <w:szCs w:val="24"/>
        </w:rPr>
        <w:t>it den Kulturangeboten gibt es 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bei den Tafeln, bei den Geschäftsstellen der Sparkasse Rosenheim-Bad Aibling und auf</w:t>
      </w: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der Homepage des Kulturforums </w:t>
      </w:r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(</w:t>
      </w:r>
      <w:hyperlink r:id="rId4" w:history="1">
        <w:r w:rsidRPr="0046795A">
          <w:rPr>
            <w:rFonts w:ascii="Arial" w:eastAsia="Times New Roman" w:hAnsi="Arial" w:cs="Arial"/>
            <w:color w:val="000000" w:themeColor="text1"/>
            <w:sz w:val="24"/>
            <w:szCs w:val="24"/>
          </w:rPr>
          <w:t>www.kulturforum-rosenheim.de</w:t>
        </w:r>
      </w:hyperlink>
      <w:r w:rsidRPr="0046795A">
        <w:rPr>
          <w:rFonts w:ascii="Arial" w:eastAsia="Times New Roman" w:hAnsi="Arial" w:cs="Arial"/>
          <w:color w:val="000000" w:themeColor="text1"/>
          <w:sz w:val="24"/>
          <w:szCs w:val="24"/>
        </w:rPr>
        <w:t>).</w:t>
      </w:r>
    </w:p>
    <w:p w:rsidR="00661D43" w:rsidRDefault="00661D43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</w:p>
    <w:p w:rsidR="00661D43" w:rsidRDefault="00661D43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>
        <w:rPr>
          <w:noProof/>
        </w:rPr>
        <w:drawing>
          <wp:inline distT="0" distB="0" distL="0" distR="0">
            <wp:extent cx="5760720" cy="3840480"/>
            <wp:effectExtent l="0" t="0" r="0" b="7620"/>
            <wp:docPr id="1" name="Grafik 1" descr="C:\Users\s1242308\AppData\Local\Microsoft\Windows\INetCache\Content.Word\Kultur für alle 2020_ (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242308\AppData\Local\Microsoft\Windows\INetCache\Content.Word\Kultur für alle 2020_ (2)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38404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20E21" w:rsidRDefault="00394A37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Foto: </w:t>
      </w:r>
      <w:r w:rsidR="00A20E2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„Kultur für alle“ ermöglicht auch Menschen mit geringem Einkommen kulturelle Teilhabe. In diesem Jahr gibt u.a. auch </w:t>
      </w:r>
      <w:r w:rsidR="006C3888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das „Sozialkaufhaus“, eine Einrichtung der </w:t>
      </w:r>
      <w:r w:rsidR="006C3888">
        <w:rPr>
          <w:rFonts w:ascii="Arial" w:eastAsia="Times New Roman" w:hAnsi="Arial" w:cs="Arial"/>
          <w:color w:val="000000" w:themeColor="text1"/>
          <w:sz w:val="24"/>
          <w:szCs w:val="24"/>
        </w:rPr>
        <w:t>K</w:t>
      </w:r>
      <w:r w:rsidR="006C3888" w:rsidRPr="006C3888">
        <w:rPr>
          <w:rFonts w:ascii="Arial" w:eastAsia="Times New Roman" w:hAnsi="Arial" w:cs="Arial"/>
          <w:color w:val="000000" w:themeColor="text1"/>
          <w:sz w:val="24"/>
          <w:szCs w:val="24"/>
        </w:rPr>
        <w:t>irchliche</w:t>
      </w:r>
      <w:r w:rsidR="006C3888">
        <w:rPr>
          <w:rFonts w:ascii="Arial" w:eastAsia="Times New Roman" w:hAnsi="Arial" w:cs="Arial"/>
          <w:color w:val="000000" w:themeColor="text1"/>
          <w:sz w:val="24"/>
          <w:szCs w:val="24"/>
        </w:rPr>
        <w:t>n</w:t>
      </w:r>
      <w:r w:rsidR="006C3888" w:rsidRPr="006C3888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Allgemeine</w:t>
      </w:r>
      <w:r w:rsidR="006C3888">
        <w:rPr>
          <w:rFonts w:ascii="Arial" w:eastAsia="Times New Roman" w:hAnsi="Arial" w:cs="Arial"/>
          <w:color w:val="000000" w:themeColor="text1"/>
          <w:sz w:val="24"/>
          <w:szCs w:val="24"/>
        </w:rPr>
        <w:t>n</w:t>
      </w:r>
      <w:r w:rsidR="006C3888" w:rsidRPr="006C3888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Sozialarbeit</w:t>
      </w:r>
      <w:r w:rsidR="00A20E2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des Diakonischen Werks </w:t>
      </w:r>
      <w:r w:rsidR="006C3888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in </w:t>
      </w:r>
      <w:r w:rsidR="00A20E2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Rosenheim </w:t>
      </w:r>
      <w:r w:rsidR="006C3888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(unten im Bild) </w:t>
      </w:r>
      <w:r w:rsidR="00A20E21">
        <w:rPr>
          <w:rFonts w:ascii="Arial" w:eastAsia="Times New Roman" w:hAnsi="Arial" w:cs="Arial"/>
          <w:color w:val="000000" w:themeColor="text1"/>
          <w:sz w:val="24"/>
          <w:szCs w:val="24"/>
        </w:rPr>
        <w:t>Eintrittskarten für verschieden Veranstaltungen in der Region</w:t>
      </w:r>
      <w:r w:rsidR="006C3888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aus</w:t>
      </w:r>
      <w:r w:rsidR="00A20E21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. Über den Erfolg des Projekts freuen sich (v.li.): </w:t>
      </w:r>
      <w:r w:rsidR="00661D43">
        <w:rPr>
          <w:rFonts w:ascii="Arial" w:eastAsia="Times New Roman" w:hAnsi="Arial" w:cs="Arial"/>
          <w:color w:val="000000" w:themeColor="text1"/>
          <w:sz w:val="24"/>
          <w:szCs w:val="24"/>
        </w:rPr>
        <w:t>Alexa Hubert, geschäftsführendes Vorstandsmitglied der Sparkassen</w:t>
      </w:r>
      <w:r w:rsidR="00661D43">
        <w:rPr>
          <w:rFonts w:ascii="Arial" w:eastAsia="Times New Roman" w:hAnsi="Arial" w:cs="Arial"/>
          <w:color w:val="000000" w:themeColor="text1"/>
          <w:sz w:val="24"/>
          <w:szCs w:val="24"/>
        </w:rPr>
        <w:lastRenderedPageBreak/>
        <w:t>stiftungen Zukunft für die Stadt und für den Landkreis Rosenheim, Reinhard Knirsch, zweiter Vorsitzender des Kulturforums, und Stephanie Staiger</w:t>
      </w:r>
      <w:r w:rsidR="006C3888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vom Diakonischen</w:t>
      </w:r>
      <w:r w:rsidR="00661D43"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 Werk Rosenheim. </w:t>
      </w:r>
    </w:p>
    <w:p w:rsidR="00661D43" w:rsidRDefault="00661D43" w:rsidP="00394A37">
      <w:pPr>
        <w:spacing w:before="100" w:beforeAutospacing="1" w:after="100" w:afterAutospacing="1" w:line="240" w:lineRule="auto"/>
        <w:rPr>
          <w:rFonts w:ascii="Arial" w:eastAsia="Times New Roman" w:hAnsi="Arial" w:cs="Arial"/>
          <w:color w:val="000000" w:themeColor="text1"/>
          <w:sz w:val="24"/>
          <w:szCs w:val="24"/>
        </w:rPr>
      </w:pPr>
      <w:r>
        <w:rPr>
          <w:rFonts w:ascii="Arial" w:eastAsia="Times New Roman" w:hAnsi="Arial" w:cs="Arial"/>
          <w:color w:val="000000" w:themeColor="text1"/>
          <w:sz w:val="24"/>
          <w:szCs w:val="24"/>
        </w:rPr>
        <w:t xml:space="preserve">Foto: Sparkassenstiftungen Zukunft. </w:t>
      </w:r>
    </w:p>
    <w:p w:rsidR="00860F1D" w:rsidRDefault="00860F1D"/>
    <w:sectPr w:rsidR="00860F1D">
      <w:pgSz w:w="11906" w:h="16838"/>
      <w:pgMar w:top="1417" w:right="1417" w:bottom="1134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94A37"/>
    <w:rsid w:val="000E33E4"/>
    <w:rsid w:val="0021120A"/>
    <w:rsid w:val="00394A37"/>
    <w:rsid w:val="00400170"/>
    <w:rsid w:val="004C0076"/>
    <w:rsid w:val="004F1D05"/>
    <w:rsid w:val="00661D43"/>
    <w:rsid w:val="00663431"/>
    <w:rsid w:val="006C3888"/>
    <w:rsid w:val="007215EC"/>
    <w:rsid w:val="00860F1D"/>
    <w:rsid w:val="008C5AA5"/>
    <w:rsid w:val="00A20E21"/>
    <w:rsid w:val="00BA050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8C52D77"/>
  <w15:chartTrackingRefBased/>
  <w15:docId w15:val="{66E2BCBD-C40C-4724-B08E-8623F94C25D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394A37"/>
    <w:pPr>
      <w:spacing w:after="200" w:line="276" w:lineRule="auto"/>
    </w:pPr>
    <w:rPr>
      <w:rFonts w:eastAsiaTheme="minorEastAsia"/>
      <w:lang w:eastAsia="de-DE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663431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663431"/>
    <w:rPr>
      <w:rFonts w:ascii="Segoe UI" w:eastAsiaTheme="minorEastAsia" w:hAnsi="Segoe UI" w:cs="Segoe UI"/>
      <w:sz w:val="18"/>
      <w:szCs w:val="18"/>
      <w:lang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hyperlink" Target="http://www.kulturforum-rosenheim.de/" TargetMode="External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8A0E414.dotm</Template>
  <TotalTime>0</TotalTime>
  <Pages>2</Pages>
  <Words>516</Words>
  <Characters>3258</Characters>
  <Application>Microsoft Office Word</Application>
  <DocSecurity>0</DocSecurity>
  <Lines>27</Lines>
  <Paragraphs>7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7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inhart</dc:creator>
  <cp:keywords/>
  <dc:description/>
  <cp:lastModifiedBy>Falk Regine</cp:lastModifiedBy>
  <cp:revision>3</cp:revision>
  <dcterms:created xsi:type="dcterms:W3CDTF">2020-03-10T12:25:00Z</dcterms:created>
  <dcterms:modified xsi:type="dcterms:W3CDTF">2020-03-10T12:25:00Z</dcterms:modified>
</cp:coreProperties>
</file>